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4465\Desktop\新しいフォルダー\新しいフォルダー\"/>
    </mc:Choice>
  </mc:AlternateContent>
  <xr:revisionPtr revIDLastSave="0" documentId="13_ncr:1_{748E6153-92A6-44B8-B5B5-C0F531D5195C}" xr6:coauthVersionLast="36" xr6:coauthVersionMax="43" xr10:uidLastSave="{00000000-0000-0000-0000-000000000000}"/>
  <bookViews>
    <workbookView xWindow="-100" yWindow="-100" windowWidth="16660" windowHeight="9020" xr2:uid="{1FB218F1-41BD-433F-9A37-509D2A7D21AD}"/>
  </bookViews>
  <sheets>
    <sheet name="72身体介護なし自己負担あり" sheetId="3" r:id="rId1"/>
  </sheets>
  <definedNames>
    <definedName name="_xlnm.Print_Area" localSheetId="0">'72身体介護なし自己負担あり'!$A$1:$F$5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7" uniqueCount="130">
  <si>
    <t>移動早朝（身体無）０．５＿無</t>
  </si>
  <si>
    <t>移動早朝（身体無）１．０＿無</t>
  </si>
  <si>
    <t>移動早朝（身体無）１．５＿無</t>
  </si>
  <si>
    <t>移動早朝（身体無）２．０＿無</t>
  </si>
  <si>
    <t>移動早朝（身体無）２．５＿無</t>
  </si>
  <si>
    <t>移動夜間（身体無）０．５＿無</t>
  </si>
  <si>
    <t>移動夜間（身体無）１．０＿無</t>
  </si>
  <si>
    <t>移動夜間（身体無）１．５＿無</t>
  </si>
  <si>
    <t>移動夜間（身体無）２．０＿無</t>
  </si>
  <si>
    <t>移動夜間（身体無）２．５＿無</t>
  </si>
  <si>
    <t>移動夜間（身体無）３．０＿無</t>
  </si>
  <si>
    <t>移動夜間（身体無）３．５＿無</t>
  </si>
  <si>
    <t>移動夜間（身体無）４．０＿無</t>
  </si>
  <si>
    <t>移動夜間（身体無）４．５＿無</t>
  </si>
  <si>
    <t>移動深夜（身体無）０．５＿無</t>
  </si>
  <si>
    <t>移動深夜（身体無）１．０＿無</t>
    <phoneticPr fontId="1"/>
  </si>
  <si>
    <t>移動深夜（身体無）１．５＿無</t>
  </si>
  <si>
    <t>移動深夜（身体無）２．０＿無</t>
    <phoneticPr fontId="1"/>
  </si>
  <si>
    <t>移動深夜（身体無）２．５＿無</t>
  </si>
  <si>
    <t>移動深夜（身体無）３．０＿無</t>
  </si>
  <si>
    <t>移動深夜（身体無）３．５＿無</t>
  </si>
  <si>
    <t>移動深夜（身体無）４．０＿無</t>
  </si>
  <si>
    <t>移動深夜（身体無）４．５＿無</t>
  </si>
  <si>
    <t>移動深夜（身体無）５．０＿無</t>
  </si>
  <si>
    <t>移動深夜（身体無）５．５＿無</t>
  </si>
  <si>
    <t>移動深夜（身体無）６．０＿無</t>
  </si>
  <si>
    <t>移動深夜（身体無）６．５＿無</t>
  </si>
  <si>
    <t>移動日中（身体無）０．５＿有</t>
  </si>
  <si>
    <t>移動日中（身体無）１．０＿有</t>
  </si>
  <si>
    <t>移動日中（身体無）１．５＿有</t>
  </si>
  <si>
    <t>移動日中（身体無）２．０＿有</t>
  </si>
  <si>
    <t>移動日中（身体無）２．５＿有</t>
  </si>
  <si>
    <t>移動日中（身体無）３．０＿有</t>
  </si>
  <si>
    <t>移動日中（身体無）３．５＿有</t>
  </si>
  <si>
    <t>移動日中（身体無）４．０＿有</t>
  </si>
  <si>
    <t>移動日中（身体無）４．５＿有</t>
    <phoneticPr fontId="1"/>
  </si>
  <si>
    <t>移動日中（身体無）５．０＿有</t>
  </si>
  <si>
    <t>移動日中（身体無）５．５＿有</t>
  </si>
  <si>
    <t>移動日中（身体無）６．０＿有</t>
  </si>
  <si>
    <t>移動日中（身体無）６．５＿有</t>
  </si>
  <si>
    <t>移動日中（身体無）７．０＿有</t>
  </si>
  <si>
    <t>移動日中（身体無）７．５＿有</t>
  </si>
  <si>
    <t>移動日中（身体無）８．０＿有</t>
  </si>
  <si>
    <t>移動日中（身体無）８．５＿有</t>
  </si>
  <si>
    <t>移動日中（身体無）９．０＿有</t>
  </si>
  <si>
    <t>移動日中（身体無）９．５＿有</t>
  </si>
  <si>
    <t>移動日中（身体無）１０．０＿有</t>
  </si>
  <si>
    <t>移動日中（身体無）１０．５＿有</t>
  </si>
  <si>
    <t>日中</t>
    <rPh sb="0" eb="2">
      <t>ニッチュウ</t>
    </rPh>
    <phoneticPr fontId="1"/>
  </si>
  <si>
    <t>早朝</t>
    <rPh sb="0" eb="2">
      <t>ソウチョウ</t>
    </rPh>
    <phoneticPr fontId="1"/>
  </si>
  <si>
    <t>夜間</t>
    <rPh sb="0" eb="2">
      <t>ヤカン</t>
    </rPh>
    <phoneticPr fontId="1"/>
  </si>
  <si>
    <t>深夜</t>
    <rPh sb="0" eb="2">
      <t>シンヤ</t>
    </rPh>
    <phoneticPr fontId="1"/>
  </si>
  <si>
    <t>サービス所要時間</t>
    <rPh sb="4" eb="8">
      <t>ショヨウジカン</t>
    </rPh>
    <phoneticPr fontId="1"/>
  </si>
  <si>
    <t>身体介護なし</t>
    <rPh sb="0" eb="2">
      <t>シンタイ</t>
    </rPh>
    <rPh sb="2" eb="4">
      <t>カイゴ</t>
    </rPh>
    <phoneticPr fontId="1"/>
  </si>
  <si>
    <t>請求コード</t>
    <rPh sb="0" eb="2">
      <t>セイキュウ</t>
    </rPh>
    <phoneticPr fontId="1"/>
  </si>
  <si>
    <t>費用額（円）</t>
    <rPh sb="0" eb="2">
      <t>ヒヨウ</t>
    </rPh>
    <rPh sb="2" eb="3">
      <t>ガク</t>
    </rPh>
    <rPh sb="4" eb="5">
      <t>エン</t>
    </rPh>
    <phoneticPr fontId="1"/>
  </si>
  <si>
    <t>自己負担
あり</t>
    <rPh sb="0" eb="2">
      <t>ジコ</t>
    </rPh>
    <rPh sb="2" eb="4">
      <t>フタン</t>
    </rPh>
    <phoneticPr fontId="1"/>
  </si>
  <si>
    <t>夜間＝18：00～22：00</t>
    <rPh sb="0" eb="2">
      <t>ヤカン</t>
    </rPh>
    <phoneticPr fontId="1"/>
  </si>
  <si>
    <t>深夜＝22：00～  6：00</t>
    <rPh sb="0" eb="2">
      <t>シンヤ</t>
    </rPh>
    <phoneticPr fontId="1"/>
  </si>
  <si>
    <t>早朝＝  6：00～  8：00</t>
    <rPh sb="0" eb="2">
      <t>ソウチョウ</t>
    </rPh>
    <phoneticPr fontId="1"/>
  </si>
  <si>
    <t>移動支援　決定コード072000</t>
    <rPh sb="0" eb="2">
      <t>イドウ</t>
    </rPh>
    <rPh sb="2" eb="4">
      <t>シエン</t>
    </rPh>
    <rPh sb="5" eb="7">
      <t>ケッテイ</t>
    </rPh>
    <phoneticPr fontId="1"/>
  </si>
  <si>
    <t>071001</t>
    <phoneticPr fontId="1"/>
  </si>
  <si>
    <t>071002</t>
  </si>
  <si>
    <t>071003</t>
  </si>
  <si>
    <t>071004</t>
  </si>
  <si>
    <t>071005</t>
  </si>
  <si>
    <t>071006</t>
  </si>
  <si>
    <t>071007</t>
  </si>
  <si>
    <t>071008</t>
  </si>
  <si>
    <t>071009</t>
  </si>
  <si>
    <t>071010</t>
  </si>
  <si>
    <t>071011</t>
  </si>
  <si>
    <t>071012</t>
  </si>
  <si>
    <t>071013</t>
  </si>
  <si>
    <t>071014</t>
  </si>
  <si>
    <t>071015</t>
  </si>
  <si>
    <t>071016</t>
  </si>
  <si>
    <t>071017</t>
  </si>
  <si>
    <t>071018</t>
  </si>
  <si>
    <t>071019</t>
  </si>
  <si>
    <t>071020</t>
  </si>
  <si>
    <t>071021</t>
  </si>
  <si>
    <t>071022</t>
  </si>
  <si>
    <t>071023</t>
  </si>
  <si>
    <t>071024</t>
  </si>
  <si>
    <t>071025</t>
  </si>
  <si>
    <t>071026</t>
  </si>
  <si>
    <t>071027</t>
  </si>
  <si>
    <t>071028</t>
  </si>
  <si>
    <t>071029</t>
  </si>
  <si>
    <t>071030</t>
  </si>
  <si>
    <t>071031</t>
  </si>
  <si>
    <t>071032</t>
  </si>
  <si>
    <t>071033</t>
  </si>
  <si>
    <t>071034</t>
  </si>
  <si>
    <t>071035</t>
  </si>
  <si>
    <t>071036</t>
  </si>
  <si>
    <t>071037</t>
  </si>
  <si>
    <t>071038</t>
  </si>
  <si>
    <t>071039</t>
  </si>
  <si>
    <t>071040</t>
  </si>
  <si>
    <t>071041</t>
  </si>
  <si>
    <t>071042</t>
  </si>
  <si>
    <t>071043</t>
  </si>
  <si>
    <t>071044</t>
  </si>
  <si>
    <t>071045</t>
  </si>
  <si>
    <t>071046</t>
  </si>
  <si>
    <t>071047</t>
  </si>
  <si>
    <t>071048</t>
  </si>
  <si>
    <t>20分から44分</t>
    <rPh sb="2" eb="3">
      <t>フン</t>
    </rPh>
    <rPh sb="7" eb="8">
      <t>フン</t>
    </rPh>
    <phoneticPr fontId="1"/>
  </si>
  <si>
    <t>45分から74分</t>
    <rPh sb="2" eb="3">
      <t>フン</t>
    </rPh>
    <rPh sb="7" eb="8">
      <t>フン</t>
    </rPh>
    <phoneticPr fontId="1"/>
  </si>
  <si>
    <t>75分から104分</t>
    <rPh sb="2" eb="3">
      <t>フン</t>
    </rPh>
    <rPh sb="8" eb="9">
      <t>フン</t>
    </rPh>
    <phoneticPr fontId="1"/>
  </si>
  <si>
    <t>105分から134分</t>
    <rPh sb="3" eb="4">
      <t>フン</t>
    </rPh>
    <rPh sb="9" eb="10">
      <t>フン</t>
    </rPh>
    <phoneticPr fontId="1"/>
  </si>
  <si>
    <t>135分から164分</t>
    <rPh sb="3" eb="4">
      <t>フン</t>
    </rPh>
    <rPh sb="9" eb="10">
      <t>フン</t>
    </rPh>
    <phoneticPr fontId="1"/>
  </si>
  <si>
    <t>165分から194分</t>
    <rPh sb="3" eb="4">
      <t>フン</t>
    </rPh>
    <rPh sb="9" eb="10">
      <t>フン</t>
    </rPh>
    <phoneticPr fontId="1"/>
  </si>
  <si>
    <t>195分から224分</t>
    <rPh sb="3" eb="4">
      <t>フン</t>
    </rPh>
    <rPh sb="9" eb="10">
      <t>フン</t>
    </rPh>
    <phoneticPr fontId="1"/>
  </si>
  <si>
    <t>225分から254分</t>
    <rPh sb="3" eb="4">
      <t>フン</t>
    </rPh>
    <rPh sb="9" eb="10">
      <t>フン</t>
    </rPh>
    <phoneticPr fontId="1"/>
  </si>
  <si>
    <t>255分から284分</t>
    <rPh sb="3" eb="4">
      <t>フン</t>
    </rPh>
    <rPh sb="9" eb="10">
      <t>フン</t>
    </rPh>
    <phoneticPr fontId="1"/>
  </si>
  <si>
    <t>285分から314分</t>
    <rPh sb="3" eb="4">
      <t>フン</t>
    </rPh>
    <rPh sb="9" eb="10">
      <t>フン</t>
    </rPh>
    <phoneticPr fontId="1"/>
  </si>
  <si>
    <t>315分から344分</t>
    <rPh sb="3" eb="4">
      <t>フン</t>
    </rPh>
    <rPh sb="9" eb="10">
      <t>フン</t>
    </rPh>
    <phoneticPr fontId="1"/>
  </si>
  <si>
    <t>345分から374分</t>
    <rPh sb="3" eb="4">
      <t>フン</t>
    </rPh>
    <rPh sb="9" eb="10">
      <t>フン</t>
    </rPh>
    <phoneticPr fontId="1"/>
  </si>
  <si>
    <t>375分から404分</t>
    <rPh sb="3" eb="4">
      <t>フン</t>
    </rPh>
    <rPh sb="9" eb="10">
      <t>フン</t>
    </rPh>
    <phoneticPr fontId="1"/>
  </si>
  <si>
    <t>405分から434分</t>
    <rPh sb="3" eb="4">
      <t>フン</t>
    </rPh>
    <rPh sb="9" eb="10">
      <t>フン</t>
    </rPh>
    <phoneticPr fontId="1"/>
  </si>
  <si>
    <t>435分から464分</t>
    <rPh sb="3" eb="4">
      <t>フン</t>
    </rPh>
    <rPh sb="9" eb="10">
      <t>フン</t>
    </rPh>
    <phoneticPr fontId="1"/>
  </si>
  <si>
    <t>465分から494分</t>
    <rPh sb="3" eb="4">
      <t>フン</t>
    </rPh>
    <rPh sb="9" eb="10">
      <t>フン</t>
    </rPh>
    <phoneticPr fontId="1"/>
  </si>
  <si>
    <t>495分から524分</t>
    <rPh sb="3" eb="4">
      <t>フン</t>
    </rPh>
    <rPh sb="9" eb="10">
      <t>フン</t>
    </rPh>
    <phoneticPr fontId="1"/>
  </si>
  <si>
    <t>525分から554分</t>
    <rPh sb="3" eb="4">
      <t>フン</t>
    </rPh>
    <rPh sb="9" eb="10">
      <t>フン</t>
    </rPh>
    <phoneticPr fontId="1"/>
  </si>
  <si>
    <t>555分から584分</t>
    <rPh sb="3" eb="4">
      <t>フン</t>
    </rPh>
    <rPh sb="9" eb="10">
      <t>フン</t>
    </rPh>
    <phoneticPr fontId="1"/>
  </si>
  <si>
    <t>585分から614分</t>
    <rPh sb="3" eb="4">
      <t>フン</t>
    </rPh>
    <rPh sb="9" eb="10">
      <t>フン</t>
    </rPh>
    <phoneticPr fontId="1"/>
  </si>
  <si>
    <t>615分から644分</t>
    <rPh sb="3" eb="4">
      <t>フン</t>
    </rPh>
    <rPh sb="9" eb="10">
      <t>フ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rgb="FF404040"/>
      <name val="游ゴシック"/>
      <family val="3"/>
      <charset val="128"/>
      <scheme val="minor"/>
    </font>
    <font>
      <sz val="11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3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2" fillId="0" borderId="0" xfId="0" applyFont="1">
      <alignment vertical="center"/>
    </xf>
    <xf numFmtId="0" fontId="0" fillId="0" borderId="1" xfId="0" applyBorder="1">
      <alignment vertical="center"/>
    </xf>
    <xf numFmtId="0" fontId="0" fillId="0" borderId="3" xfId="0" applyBorder="1">
      <alignment vertical="center"/>
    </xf>
    <xf numFmtId="38" fontId="0" fillId="0" borderId="6" xfId="1" applyFont="1" applyBorder="1">
      <alignment vertical="center"/>
    </xf>
    <xf numFmtId="0" fontId="0" fillId="0" borderId="8" xfId="0" applyBorder="1">
      <alignment vertical="center"/>
    </xf>
    <xf numFmtId="38" fontId="0" fillId="0" borderId="9" xfId="1" applyFont="1" applyBorder="1">
      <alignment vertical="center"/>
    </xf>
    <xf numFmtId="38" fontId="0" fillId="0" borderId="4" xfId="1" applyFont="1" applyBorder="1">
      <alignment vertical="center"/>
    </xf>
    <xf numFmtId="0" fontId="0" fillId="0" borderId="18" xfId="0" applyBorder="1" applyAlignment="1">
      <alignment horizontal="center" vertical="center"/>
    </xf>
    <xf numFmtId="0" fontId="0" fillId="0" borderId="18" xfId="0" applyBorder="1">
      <alignment vertical="center"/>
    </xf>
    <xf numFmtId="0" fontId="0" fillId="0" borderId="19" xfId="0" applyBorder="1">
      <alignment vertical="center"/>
    </xf>
    <xf numFmtId="0" fontId="0" fillId="0" borderId="0" xfId="0" applyAlignment="1">
      <alignment horizontal="right" vertical="center"/>
    </xf>
    <xf numFmtId="0" fontId="2" fillId="0" borderId="18" xfId="0" quotePrefix="1" applyFont="1" applyBorder="1" applyAlignment="1">
      <alignment horizontal="right" vertical="center"/>
    </xf>
    <xf numFmtId="0" fontId="2" fillId="0" borderId="20" xfId="0" quotePrefix="1" applyFont="1" applyBorder="1" applyAlignment="1">
      <alignment horizontal="right" vertical="center"/>
    </xf>
    <xf numFmtId="0" fontId="2" fillId="0" borderId="1" xfId="0" quotePrefix="1" applyFont="1" applyBorder="1" applyAlignment="1">
      <alignment horizontal="right" vertical="center"/>
    </xf>
    <xf numFmtId="0" fontId="2" fillId="0" borderId="21" xfId="0" quotePrefix="1" applyFont="1" applyBorder="1" applyAlignment="1">
      <alignment horizontal="right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 wrapText="1"/>
    </xf>
    <xf numFmtId="0" fontId="0" fillId="0" borderId="13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2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006E3C-8DDD-4845-AD20-CFF778FB92A5}">
  <dimension ref="A1:H53"/>
  <sheetViews>
    <sheetView tabSelected="1" view="pageBreakPreview" zoomScale="90" zoomScaleNormal="100" zoomScaleSheetLayoutView="90" workbookViewId="0">
      <selection activeCell="H2" sqref="H2"/>
    </sheetView>
  </sheetViews>
  <sheetFormatPr defaultRowHeight="18" x14ac:dyDescent="0.55000000000000004"/>
  <cols>
    <col min="2" max="2" width="4.9140625" bestFit="1" customWidth="1"/>
    <col min="3" max="3" width="28.75" bestFit="1" customWidth="1"/>
    <col min="4" max="4" width="10.5" style="11" bestFit="1" customWidth="1"/>
    <col min="5" max="5" width="30.25" bestFit="1" customWidth="1"/>
    <col min="6" max="6" width="12.4140625" customWidth="1"/>
  </cols>
  <sheetData>
    <row r="1" spans="1:8" x14ac:dyDescent="0.55000000000000004">
      <c r="A1" t="s">
        <v>60</v>
      </c>
    </row>
    <row r="2" spans="1:8" x14ac:dyDescent="0.55000000000000004">
      <c r="C2" t="s">
        <v>57</v>
      </c>
    </row>
    <row r="3" spans="1:8" x14ac:dyDescent="0.55000000000000004">
      <c r="C3" t="s">
        <v>58</v>
      </c>
    </row>
    <row r="4" spans="1:8" ht="18.5" thickBot="1" x14ac:dyDescent="0.6">
      <c r="C4" t="s">
        <v>59</v>
      </c>
    </row>
    <row r="5" spans="1:8" ht="18.5" thickBot="1" x14ac:dyDescent="0.6">
      <c r="A5" s="16" t="s">
        <v>53</v>
      </c>
      <c r="B5" s="17"/>
      <c r="C5" s="8" t="s">
        <v>52</v>
      </c>
      <c r="D5" s="8" t="s">
        <v>54</v>
      </c>
      <c r="E5" s="9"/>
      <c r="F5" s="10" t="s">
        <v>55</v>
      </c>
    </row>
    <row r="6" spans="1:8" x14ac:dyDescent="0.55000000000000004">
      <c r="A6" s="18" t="s">
        <v>56</v>
      </c>
      <c r="B6" s="21" t="s">
        <v>48</v>
      </c>
      <c r="C6" s="24" t="s">
        <v>109</v>
      </c>
      <c r="D6" s="12" t="s">
        <v>61</v>
      </c>
      <c r="E6" s="3" t="s">
        <v>27</v>
      </c>
      <c r="F6" s="7">
        <v>1050</v>
      </c>
      <c r="H6" s="1"/>
    </row>
    <row r="7" spans="1:8" x14ac:dyDescent="0.55000000000000004">
      <c r="A7" s="19"/>
      <c r="B7" s="22"/>
      <c r="C7" s="25" t="s">
        <v>110</v>
      </c>
      <c r="D7" s="14" t="s">
        <v>62</v>
      </c>
      <c r="E7" s="2" t="s">
        <v>28</v>
      </c>
      <c r="F7" s="4">
        <v>1960</v>
      </c>
      <c r="H7" s="1"/>
    </row>
    <row r="8" spans="1:8" x14ac:dyDescent="0.55000000000000004">
      <c r="A8" s="19"/>
      <c r="B8" s="22"/>
      <c r="C8" s="26" t="s">
        <v>111</v>
      </c>
      <c r="D8" s="14" t="s">
        <v>63</v>
      </c>
      <c r="E8" s="2" t="s">
        <v>29</v>
      </c>
      <c r="F8" s="4">
        <v>2740</v>
      </c>
      <c r="H8" s="1"/>
    </row>
    <row r="9" spans="1:8" x14ac:dyDescent="0.55000000000000004">
      <c r="A9" s="19"/>
      <c r="B9" s="22"/>
      <c r="C9" s="26" t="s">
        <v>112</v>
      </c>
      <c r="D9" s="14" t="s">
        <v>64</v>
      </c>
      <c r="E9" s="2" t="s">
        <v>30</v>
      </c>
      <c r="F9" s="4">
        <v>3430</v>
      </c>
      <c r="H9" s="1"/>
    </row>
    <row r="10" spans="1:8" x14ac:dyDescent="0.55000000000000004">
      <c r="A10" s="19"/>
      <c r="B10" s="22"/>
      <c r="C10" s="26" t="s">
        <v>113</v>
      </c>
      <c r="D10" s="14" t="s">
        <v>65</v>
      </c>
      <c r="E10" s="2" t="s">
        <v>31</v>
      </c>
      <c r="F10" s="4">
        <v>4120</v>
      </c>
      <c r="H10" s="1"/>
    </row>
    <row r="11" spans="1:8" x14ac:dyDescent="0.55000000000000004">
      <c r="A11" s="19"/>
      <c r="B11" s="22"/>
      <c r="C11" s="26" t="s">
        <v>114</v>
      </c>
      <c r="D11" s="14" t="s">
        <v>66</v>
      </c>
      <c r="E11" s="2" t="s">
        <v>32</v>
      </c>
      <c r="F11" s="4">
        <v>4810</v>
      </c>
      <c r="H11" s="1"/>
    </row>
    <row r="12" spans="1:8" x14ac:dyDescent="0.55000000000000004">
      <c r="A12" s="19"/>
      <c r="B12" s="22"/>
      <c r="C12" s="26" t="s">
        <v>115</v>
      </c>
      <c r="D12" s="14" t="s">
        <v>67</v>
      </c>
      <c r="E12" s="2" t="s">
        <v>33</v>
      </c>
      <c r="F12" s="4">
        <v>5500</v>
      </c>
      <c r="H12" s="1"/>
    </row>
    <row r="13" spans="1:8" x14ac:dyDescent="0.55000000000000004">
      <c r="A13" s="19"/>
      <c r="B13" s="22"/>
      <c r="C13" s="26" t="s">
        <v>116</v>
      </c>
      <c r="D13" s="14" t="s">
        <v>68</v>
      </c>
      <c r="E13" s="2" t="s">
        <v>34</v>
      </c>
      <c r="F13" s="4">
        <v>6190</v>
      </c>
    </row>
    <row r="14" spans="1:8" x14ac:dyDescent="0.55000000000000004">
      <c r="A14" s="19"/>
      <c r="B14" s="22"/>
      <c r="C14" s="26" t="s">
        <v>117</v>
      </c>
      <c r="D14" s="14" t="s">
        <v>69</v>
      </c>
      <c r="E14" s="2" t="s">
        <v>35</v>
      </c>
      <c r="F14" s="4">
        <v>6880</v>
      </c>
    </row>
    <row r="15" spans="1:8" x14ac:dyDescent="0.55000000000000004">
      <c r="A15" s="19"/>
      <c r="B15" s="22"/>
      <c r="C15" s="26" t="s">
        <v>118</v>
      </c>
      <c r="D15" s="14" t="s">
        <v>70</v>
      </c>
      <c r="E15" s="2" t="s">
        <v>36</v>
      </c>
      <c r="F15" s="4">
        <v>7570</v>
      </c>
    </row>
    <row r="16" spans="1:8" x14ac:dyDescent="0.55000000000000004">
      <c r="A16" s="19"/>
      <c r="B16" s="22"/>
      <c r="C16" s="26" t="s">
        <v>119</v>
      </c>
      <c r="D16" s="14" t="s">
        <v>71</v>
      </c>
      <c r="E16" s="2" t="s">
        <v>37</v>
      </c>
      <c r="F16" s="4">
        <v>8260</v>
      </c>
    </row>
    <row r="17" spans="1:6" x14ac:dyDescent="0.55000000000000004">
      <c r="A17" s="19"/>
      <c r="B17" s="22"/>
      <c r="C17" s="26" t="s">
        <v>120</v>
      </c>
      <c r="D17" s="14" t="s">
        <v>72</v>
      </c>
      <c r="E17" s="2" t="s">
        <v>38</v>
      </c>
      <c r="F17" s="4">
        <v>8950</v>
      </c>
    </row>
    <row r="18" spans="1:6" x14ac:dyDescent="0.55000000000000004">
      <c r="A18" s="19"/>
      <c r="B18" s="22"/>
      <c r="C18" s="26" t="s">
        <v>121</v>
      </c>
      <c r="D18" s="14" t="s">
        <v>73</v>
      </c>
      <c r="E18" s="2" t="s">
        <v>39</v>
      </c>
      <c r="F18" s="4">
        <v>9640</v>
      </c>
    </row>
    <row r="19" spans="1:6" x14ac:dyDescent="0.55000000000000004">
      <c r="A19" s="19"/>
      <c r="B19" s="22"/>
      <c r="C19" s="26" t="s">
        <v>122</v>
      </c>
      <c r="D19" s="14" t="s">
        <v>74</v>
      </c>
      <c r="E19" s="2" t="s">
        <v>40</v>
      </c>
      <c r="F19" s="4">
        <v>10330</v>
      </c>
    </row>
    <row r="20" spans="1:6" x14ac:dyDescent="0.55000000000000004">
      <c r="A20" s="19"/>
      <c r="B20" s="22"/>
      <c r="C20" s="26" t="s">
        <v>123</v>
      </c>
      <c r="D20" s="14" t="s">
        <v>75</v>
      </c>
      <c r="E20" s="2" t="s">
        <v>41</v>
      </c>
      <c r="F20" s="4">
        <v>11020</v>
      </c>
    </row>
    <row r="21" spans="1:6" x14ac:dyDescent="0.55000000000000004">
      <c r="A21" s="19"/>
      <c r="B21" s="22"/>
      <c r="C21" s="26" t="s">
        <v>124</v>
      </c>
      <c r="D21" s="14" t="s">
        <v>76</v>
      </c>
      <c r="E21" s="2" t="s">
        <v>42</v>
      </c>
      <c r="F21" s="4">
        <v>11710</v>
      </c>
    </row>
    <row r="22" spans="1:6" x14ac:dyDescent="0.55000000000000004">
      <c r="A22" s="19"/>
      <c r="B22" s="22"/>
      <c r="C22" s="26" t="s">
        <v>125</v>
      </c>
      <c r="D22" s="14" t="s">
        <v>77</v>
      </c>
      <c r="E22" s="2" t="s">
        <v>43</v>
      </c>
      <c r="F22" s="4">
        <v>12400</v>
      </c>
    </row>
    <row r="23" spans="1:6" x14ac:dyDescent="0.55000000000000004">
      <c r="A23" s="19"/>
      <c r="B23" s="22"/>
      <c r="C23" s="26" t="s">
        <v>126</v>
      </c>
      <c r="D23" s="14" t="s">
        <v>78</v>
      </c>
      <c r="E23" s="2" t="s">
        <v>44</v>
      </c>
      <c r="F23" s="4">
        <v>13090</v>
      </c>
    </row>
    <row r="24" spans="1:6" x14ac:dyDescent="0.55000000000000004">
      <c r="A24" s="19"/>
      <c r="B24" s="22"/>
      <c r="C24" s="26" t="s">
        <v>127</v>
      </c>
      <c r="D24" s="14" t="s">
        <v>79</v>
      </c>
      <c r="E24" s="2" t="s">
        <v>45</v>
      </c>
      <c r="F24" s="4">
        <v>13780</v>
      </c>
    </row>
    <row r="25" spans="1:6" x14ac:dyDescent="0.55000000000000004">
      <c r="A25" s="19"/>
      <c r="B25" s="22"/>
      <c r="C25" s="26" t="s">
        <v>128</v>
      </c>
      <c r="D25" s="14" t="s">
        <v>80</v>
      </c>
      <c r="E25" s="2" t="s">
        <v>46</v>
      </c>
      <c r="F25" s="4">
        <v>14470</v>
      </c>
    </row>
    <row r="26" spans="1:6" ht="18.5" thickBot="1" x14ac:dyDescent="0.6">
      <c r="A26" s="19"/>
      <c r="B26" s="23"/>
      <c r="C26" s="27" t="s">
        <v>129</v>
      </c>
      <c r="D26" s="13" t="s">
        <v>81</v>
      </c>
      <c r="E26" s="5" t="s">
        <v>47</v>
      </c>
      <c r="F26" s="6">
        <v>15160</v>
      </c>
    </row>
    <row r="27" spans="1:6" x14ac:dyDescent="0.55000000000000004">
      <c r="A27" s="19"/>
      <c r="B27" s="21" t="s">
        <v>49</v>
      </c>
      <c r="C27" s="24" t="s">
        <v>109</v>
      </c>
      <c r="D27" s="12" t="s">
        <v>82</v>
      </c>
      <c r="E27" s="3" t="s">
        <v>0</v>
      </c>
      <c r="F27" s="7">
        <v>1310</v>
      </c>
    </row>
    <row r="28" spans="1:6" x14ac:dyDescent="0.55000000000000004">
      <c r="A28" s="19"/>
      <c r="B28" s="22"/>
      <c r="C28" s="25" t="s">
        <v>110</v>
      </c>
      <c r="D28" s="14" t="s">
        <v>83</v>
      </c>
      <c r="E28" s="2" t="s">
        <v>1</v>
      </c>
      <c r="F28" s="4">
        <v>2450</v>
      </c>
    </row>
    <row r="29" spans="1:6" x14ac:dyDescent="0.55000000000000004">
      <c r="A29" s="19"/>
      <c r="B29" s="22"/>
      <c r="C29" s="26" t="s">
        <v>111</v>
      </c>
      <c r="D29" s="14" t="s">
        <v>84</v>
      </c>
      <c r="E29" s="2" t="s">
        <v>2</v>
      </c>
      <c r="F29" s="4">
        <v>3430</v>
      </c>
    </row>
    <row r="30" spans="1:6" x14ac:dyDescent="0.55000000000000004">
      <c r="A30" s="19"/>
      <c r="B30" s="22"/>
      <c r="C30" s="26" t="s">
        <v>112</v>
      </c>
      <c r="D30" s="14" t="s">
        <v>85</v>
      </c>
      <c r="E30" s="2" t="s">
        <v>3</v>
      </c>
      <c r="F30" s="4">
        <v>4290</v>
      </c>
    </row>
    <row r="31" spans="1:6" ht="18.5" thickBot="1" x14ac:dyDescent="0.6">
      <c r="A31" s="19"/>
      <c r="B31" s="23"/>
      <c r="C31" s="27" t="s">
        <v>113</v>
      </c>
      <c r="D31" s="13" t="s">
        <v>86</v>
      </c>
      <c r="E31" s="5" t="s">
        <v>4</v>
      </c>
      <c r="F31" s="6">
        <v>5150</v>
      </c>
    </row>
    <row r="32" spans="1:6" x14ac:dyDescent="0.55000000000000004">
      <c r="A32" s="19"/>
      <c r="B32" s="21" t="s">
        <v>50</v>
      </c>
      <c r="C32" s="24" t="s">
        <v>109</v>
      </c>
      <c r="D32" s="12" t="s">
        <v>87</v>
      </c>
      <c r="E32" s="3" t="s">
        <v>5</v>
      </c>
      <c r="F32" s="7">
        <v>1310</v>
      </c>
    </row>
    <row r="33" spans="1:6" x14ac:dyDescent="0.55000000000000004">
      <c r="A33" s="19"/>
      <c r="B33" s="22"/>
      <c r="C33" s="25" t="s">
        <v>110</v>
      </c>
      <c r="D33" s="14" t="s">
        <v>88</v>
      </c>
      <c r="E33" s="2" t="s">
        <v>6</v>
      </c>
      <c r="F33" s="4">
        <v>2450</v>
      </c>
    </row>
    <row r="34" spans="1:6" x14ac:dyDescent="0.55000000000000004">
      <c r="A34" s="19"/>
      <c r="B34" s="22"/>
      <c r="C34" s="26" t="s">
        <v>111</v>
      </c>
      <c r="D34" s="14" t="s">
        <v>89</v>
      </c>
      <c r="E34" s="2" t="s">
        <v>7</v>
      </c>
      <c r="F34" s="4">
        <v>3430</v>
      </c>
    </row>
    <row r="35" spans="1:6" x14ac:dyDescent="0.55000000000000004">
      <c r="A35" s="19"/>
      <c r="B35" s="22"/>
      <c r="C35" s="26" t="s">
        <v>112</v>
      </c>
      <c r="D35" s="14" t="s">
        <v>90</v>
      </c>
      <c r="E35" s="2" t="s">
        <v>8</v>
      </c>
      <c r="F35" s="4">
        <v>4290</v>
      </c>
    </row>
    <row r="36" spans="1:6" x14ac:dyDescent="0.55000000000000004">
      <c r="A36" s="19"/>
      <c r="B36" s="22"/>
      <c r="C36" s="26" t="s">
        <v>113</v>
      </c>
      <c r="D36" s="14" t="s">
        <v>91</v>
      </c>
      <c r="E36" s="2" t="s">
        <v>9</v>
      </c>
      <c r="F36" s="4">
        <v>5150</v>
      </c>
    </row>
    <row r="37" spans="1:6" x14ac:dyDescent="0.55000000000000004">
      <c r="A37" s="19"/>
      <c r="B37" s="22"/>
      <c r="C37" s="26" t="s">
        <v>114</v>
      </c>
      <c r="D37" s="14" t="s">
        <v>92</v>
      </c>
      <c r="E37" s="2" t="s">
        <v>10</v>
      </c>
      <c r="F37" s="4">
        <v>6010</v>
      </c>
    </row>
    <row r="38" spans="1:6" x14ac:dyDescent="0.55000000000000004">
      <c r="A38" s="19"/>
      <c r="B38" s="22"/>
      <c r="C38" s="26" t="s">
        <v>115</v>
      </c>
      <c r="D38" s="14" t="s">
        <v>93</v>
      </c>
      <c r="E38" s="2" t="s">
        <v>11</v>
      </c>
      <c r="F38" s="4">
        <v>6880</v>
      </c>
    </row>
    <row r="39" spans="1:6" x14ac:dyDescent="0.55000000000000004">
      <c r="A39" s="19"/>
      <c r="B39" s="22"/>
      <c r="C39" s="26" t="s">
        <v>116</v>
      </c>
      <c r="D39" s="14" t="s">
        <v>94</v>
      </c>
      <c r="E39" s="2" t="s">
        <v>12</v>
      </c>
      <c r="F39" s="4">
        <v>7740</v>
      </c>
    </row>
    <row r="40" spans="1:6" ht="18.5" thickBot="1" x14ac:dyDescent="0.6">
      <c r="A40" s="19"/>
      <c r="B40" s="23"/>
      <c r="C40" s="27" t="s">
        <v>118</v>
      </c>
      <c r="D40" s="13" t="s">
        <v>95</v>
      </c>
      <c r="E40" s="5" t="s">
        <v>13</v>
      </c>
      <c r="F40" s="6">
        <v>8600</v>
      </c>
    </row>
    <row r="41" spans="1:6" x14ac:dyDescent="0.55000000000000004">
      <c r="A41" s="19"/>
      <c r="B41" s="21" t="s">
        <v>51</v>
      </c>
      <c r="C41" s="24" t="s">
        <v>109</v>
      </c>
      <c r="D41" s="12" t="s">
        <v>96</v>
      </c>
      <c r="E41" s="3" t="s">
        <v>14</v>
      </c>
      <c r="F41" s="7">
        <v>1580</v>
      </c>
    </row>
    <row r="42" spans="1:6" x14ac:dyDescent="0.55000000000000004">
      <c r="A42" s="19"/>
      <c r="B42" s="22"/>
      <c r="C42" s="25" t="s">
        <v>110</v>
      </c>
      <c r="D42" s="14" t="s">
        <v>97</v>
      </c>
      <c r="E42" s="2" t="s">
        <v>15</v>
      </c>
      <c r="F42" s="4">
        <v>2940</v>
      </c>
    </row>
    <row r="43" spans="1:6" x14ac:dyDescent="0.55000000000000004">
      <c r="A43" s="19"/>
      <c r="B43" s="22"/>
      <c r="C43" s="26" t="s">
        <v>111</v>
      </c>
      <c r="D43" s="14" t="s">
        <v>98</v>
      </c>
      <c r="E43" s="2" t="s">
        <v>16</v>
      </c>
      <c r="F43" s="4">
        <v>4110</v>
      </c>
    </row>
    <row r="44" spans="1:6" x14ac:dyDescent="0.55000000000000004">
      <c r="A44" s="19"/>
      <c r="B44" s="22"/>
      <c r="C44" s="26" t="s">
        <v>112</v>
      </c>
      <c r="D44" s="14" t="s">
        <v>99</v>
      </c>
      <c r="E44" s="2" t="s">
        <v>17</v>
      </c>
      <c r="F44" s="4">
        <v>5150</v>
      </c>
    </row>
    <row r="45" spans="1:6" x14ac:dyDescent="0.55000000000000004">
      <c r="A45" s="19"/>
      <c r="B45" s="22"/>
      <c r="C45" s="26" t="s">
        <v>113</v>
      </c>
      <c r="D45" s="14" t="s">
        <v>100</v>
      </c>
      <c r="E45" s="2" t="s">
        <v>18</v>
      </c>
      <c r="F45" s="4">
        <v>6180</v>
      </c>
    </row>
    <row r="46" spans="1:6" x14ac:dyDescent="0.55000000000000004">
      <c r="A46" s="19"/>
      <c r="B46" s="22"/>
      <c r="C46" s="26" t="s">
        <v>114</v>
      </c>
      <c r="D46" s="14" t="s">
        <v>101</v>
      </c>
      <c r="E46" s="2" t="s">
        <v>19</v>
      </c>
      <c r="F46" s="4">
        <v>7220</v>
      </c>
    </row>
    <row r="47" spans="1:6" x14ac:dyDescent="0.55000000000000004">
      <c r="A47" s="19"/>
      <c r="B47" s="22"/>
      <c r="C47" s="26" t="s">
        <v>115</v>
      </c>
      <c r="D47" s="14" t="s">
        <v>102</v>
      </c>
      <c r="E47" s="2" t="s">
        <v>20</v>
      </c>
      <c r="F47" s="4">
        <v>8250</v>
      </c>
    </row>
    <row r="48" spans="1:6" x14ac:dyDescent="0.55000000000000004">
      <c r="A48" s="19"/>
      <c r="B48" s="22"/>
      <c r="C48" s="26" t="s">
        <v>116</v>
      </c>
      <c r="D48" s="14" t="s">
        <v>103</v>
      </c>
      <c r="E48" s="2" t="s">
        <v>21</v>
      </c>
      <c r="F48" s="4">
        <v>9290</v>
      </c>
    </row>
    <row r="49" spans="1:6" x14ac:dyDescent="0.55000000000000004">
      <c r="A49" s="19"/>
      <c r="B49" s="22"/>
      <c r="C49" s="26" t="s">
        <v>117</v>
      </c>
      <c r="D49" s="14" t="s">
        <v>104</v>
      </c>
      <c r="E49" s="2" t="s">
        <v>22</v>
      </c>
      <c r="F49" s="4">
        <v>10320</v>
      </c>
    </row>
    <row r="50" spans="1:6" x14ac:dyDescent="0.55000000000000004">
      <c r="A50" s="19"/>
      <c r="B50" s="22"/>
      <c r="C50" s="26" t="s">
        <v>118</v>
      </c>
      <c r="D50" s="14" t="s">
        <v>105</v>
      </c>
      <c r="E50" s="2" t="s">
        <v>23</v>
      </c>
      <c r="F50" s="4">
        <v>11360</v>
      </c>
    </row>
    <row r="51" spans="1:6" x14ac:dyDescent="0.55000000000000004">
      <c r="A51" s="19"/>
      <c r="B51" s="22"/>
      <c r="C51" s="26" t="s">
        <v>119</v>
      </c>
      <c r="D51" s="14" t="s">
        <v>106</v>
      </c>
      <c r="E51" s="2" t="s">
        <v>24</v>
      </c>
      <c r="F51" s="4">
        <v>12390</v>
      </c>
    </row>
    <row r="52" spans="1:6" x14ac:dyDescent="0.55000000000000004">
      <c r="A52" s="19"/>
      <c r="B52" s="22"/>
      <c r="C52" s="26" t="s">
        <v>120</v>
      </c>
      <c r="D52" s="14" t="s">
        <v>107</v>
      </c>
      <c r="E52" s="2" t="s">
        <v>25</v>
      </c>
      <c r="F52" s="4">
        <v>13430</v>
      </c>
    </row>
    <row r="53" spans="1:6" ht="18.5" thickBot="1" x14ac:dyDescent="0.6">
      <c r="A53" s="20"/>
      <c r="B53" s="23"/>
      <c r="C53" s="27" t="s">
        <v>121</v>
      </c>
      <c r="D53" s="15" t="s">
        <v>108</v>
      </c>
      <c r="E53" s="5" t="s">
        <v>26</v>
      </c>
      <c r="F53" s="6">
        <v>14460</v>
      </c>
    </row>
  </sheetData>
  <mergeCells count="6">
    <mergeCell ref="A5:B5"/>
    <mergeCell ref="A6:A53"/>
    <mergeCell ref="B6:B26"/>
    <mergeCell ref="B27:B31"/>
    <mergeCell ref="B32:B40"/>
    <mergeCell ref="B41:B53"/>
  </mergeCells>
  <phoneticPr fontId="1"/>
  <pageMargins left="0.70866141732283472" right="0.70866141732283472" top="0.74803149606299213" bottom="0.74803149606299213" header="0.31496062992125984" footer="0.31496062992125984"/>
  <pageSetup paperSize="9" scale="7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72身体介護なし自己負担あり</vt:lpstr>
      <vt:lpstr>'72身体介護なし自己負担あり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障がい福祉課 RKKユーザ</dc:creator>
  <cp:lastModifiedBy>仲宗根　和真</cp:lastModifiedBy>
  <cp:lastPrinted>2024-02-13T08:02:22Z</cp:lastPrinted>
  <dcterms:created xsi:type="dcterms:W3CDTF">2023-10-04T02:47:55Z</dcterms:created>
  <dcterms:modified xsi:type="dcterms:W3CDTF">2024-02-13T08:19:29Z</dcterms:modified>
</cp:coreProperties>
</file>